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wenter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A5070D4B-9052-BC98-6363-E7FDC4D5617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7242" y="4946412"/>
            <a:ext cx="2225485"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8F9C80C8-FB8C-4CA9-3FE9-56AB23F07D0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9964" y="4130566"/>
            <a:ext cx="1585253" cy="117942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7-08T13:14:32Z</dcterms:modified>
</cp:coreProperties>
</file>